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18"/>
  </p:notesMasterIdLst>
  <p:handoutMasterIdLst>
    <p:handoutMasterId r:id="rId19"/>
  </p:handoutMasterIdLst>
  <p:sldIdLst>
    <p:sldId id="261" r:id="rId10"/>
    <p:sldId id="263" r:id="rId11"/>
    <p:sldId id="264" r:id="rId12"/>
    <p:sldId id="265" r:id="rId13"/>
    <p:sldId id="266" r:id="rId14"/>
    <p:sldId id="267" r:id="rId15"/>
    <p:sldId id="268" r:id="rId16"/>
    <p:sldId id="269" r:id="rId1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9" autoAdjust="0"/>
    <p:restoredTop sz="88523" autoAdjust="0"/>
  </p:normalViewPr>
  <p:slideViewPr>
    <p:cSldViewPr snapToGrid="0" showGuides="1">
      <p:cViewPr varScale="1">
        <p:scale>
          <a:sx n="114" d="100"/>
          <a:sy n="114" d="100"/>
        </p:scale>
        <p:origin x="414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8/09/2020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8/09/2020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Gu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210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41CC8B5-6021-48EA-94A7-DC422762C026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08.09.2020</a:t>
            </a:fld>
            <a:endParaRPr lang="da-DK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7970D64-CAB2-4377-BBE4-BF3F1E16957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256876166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1767518-1CE7-41A4-BFFB-87B37085F98F}"/>
              </a:ext>
            </a:extLst>
          </p:cNvPr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85750" y="1581150"/>
            <a:ext cx="4968000" cy="40576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5836650" y="1581150"/>
            <a:ext cx="4968000" cy="40576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A477B73-8382-426E-A758-F1E05223AEE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08.09.2020</a:t>
            </a:fld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C473A12-DF65-4012-8F2A-1C291F215D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965915987" name="image" descr="{&quot;templafy&quot;:{&quot;id&quot;:&quot;ad5426bc-8525-41b8-bfb4-655d032ed90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351765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1767518-1CE7-41A4-BFFB-87B37085F98F}"/>
              </a:ext>
            </a:extLst>
          </p:cNvPr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04006" y="1638000"/>
            <a:ext cx="4948214" cy="4000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A477B73-8382-426E-A758-F1E05223AEE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08.09.2020</a:t>
            </a:fld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C473A12-DF65-4012-8F2A-1C291F215D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97C2B81-9FBD-4F91-A99D-E2E62F84A4C2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092156" y="0"/>
            <a:ext cx="6099844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4222FF6B-86ED-4E48-824E-5C54567CBC8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587675"/>
            <a:ext cx="4964156" cy="82664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1321195817" name="image" descr="{&quot;templafy&quot;:{&quot;id&quot;:&quot;06a06f0c-b7b1-4a23-a67e-127490b177e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312766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C85D69A-3DAB-4609-83C0-DDCB0E056E5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08.09.2020</a:t>
            </a:fld>
            <a:endParaRPr lang="da-DK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030866FD-D493-4E40-BE0E-88A5E48062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/>
            </a:lvl1pPr>
          </a:lstStyle>
          <a:p>
            <a:r>
              <a:rPr lang="da-DK" dirty="0"/>
              <a:t>.</a:t>
            </a:r>
            <a:r>
              <a:rPr lang="da-DK" dirty="0">
                <a:noFill/>
              </a:rPr>
              <a:t>0	0</a:t>
            </a:r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49A84C5-6E9A-4A39-81D2-A4766FF30BC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3C8616D9-8604-4CE0-9290-25D835D365B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08.09.2020</a:t>
            </a:fld>
            <a:endParaRPr lang="da-DK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BFED87F5-692B-43A2-B999-E599CDD79F0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/>
            </a:lvl1pPr>
          </a:lstStyle>
          <a:p>
            <a:r>
              <a:rPr lang="da-DK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01576131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 hidden="1">
            <a:extLst>
              <a:ext uri="{FF2B5EF4-FFF2-40B4-BE49-F238E27FC236}">
                <a16:creationId xmlns:a16="http://schemas.microsoft.com/office/drawing/2014/main" id="{204BEF62-0A0C-428F-9593-4784936349E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154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79D3425-F8FB-4DAF-8A9B-B6B63F152AA9}" type="datetime3">
              <a:rPr lang="da-DK" smtClean="0"/>
              <a:t>08.09.2020</a:t>
            </a:fld>
            <a:endParaRPr lang="da-DK" dirty="0"/>
          </a:p>
        </p:txBody>
      </p:sp>
      <p:sp>
        <p:nvSpPr>
          <p:cNvPr id="4" name="Pladsholder til sidefod 3" hidden="1">
            <a:extLst>
              <a:ext uri="{FF2B5EF4-FFF2-40B4-BE49-F238E27FC236}">
                <a16:creationId xmlns:a16="http://schemas.microsoft.com/office/drawing/2014/main" id="{5A2DACD1-A298-4D19-866E-68CF70D652E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154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Pladsholder til slidenummer 4" hidden="1">
            <a:extLst>
              <a:ext uri="{FF2B5EF4-FFF2-40B4-BE49-F238E27FC236}">
                <a16:creationId xmlns:a16="http://schemas.microsoft.com/office/drawing/2014/main" id="{84BE3378-177E-45B6-8A07-1A8ABC3BC8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154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6" name="Text Box 2">
            <a:extLst>
              <a:ext uri="{FF2B5EF4-FFF2-40B4-BE49-F238E27FC236}">
                <a16:creationId xmlns:a16="http://schemas.microsoft.com/office/drawing/2014/main" id="{2562121C-7E79-4645-BB1B-1D3855B3831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85750" y="1416050"/>
            <a:ext cx="2280360" cy="441659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bullet knappen for at sætte korrekt bullet på igen.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nyt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indsætte e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</p:txBody>
      </p:sp>
      <p:pic>
        <p:nvPicPr>
          <p:cNvPr id="7" name="1 Forøg formindsk">
            <a:extLst>
              <a:ext uri="{FF2B5EF4-FFF2-40B4-BE49-F238E27FC236}">
                <a16:creationId xmlns:a16="http://schemas.microsoft.com/office/drawing/2014/main" id="{82A640AB-9083-4E25-B69C-5615DDD51EF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446547" y="2531466"/>
            <a:ext cx="549328" cy="285228"/>
          </a:xfrm>
          <a:prstGeom prst="rect">
            <a:avLst/>
          </a:prstGeom>
        </p:spPr>
      </p:pic>
      <p:pic>
        <p:nvPicPr>
          <p:cNvPr id="8" name="2 Ny slide">
            <a:extLst>
              <a:ext uri="{FF2B5EF4-FFF2-40B4-BE49-F238E27FC236}">
                <a16:creationId xmlns:a16="http://schemas.microsoft.com/office/drawing/2014/main" id="{C9EFBCCE-8D49-4A73-8762-63E5870B1EC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2931" r="60888"/>
          <a:stretch/>
        </p:blipFill>
        <p:spPr>
          <a:xfrm>
            <a:off x="2460466" y="4104614"/>
            <a:ext cx="363713" cy="647461"/>
          </a:xfrm>
          <a:prstGeom prst="rect">
            <a:avLst/>
          </a:prstGeom>
        </p:spPr>
      </p:pic>
      <p:pic>
        <p:nvPicPr>
          <p:cNvPr id="9" name="3 Layout">
            <a:extLst>
              <a:ext uri="{FF2B5EF4-FFF2-40B4-BE49-F238E27FC236}">
                <a16:creationId xmlns:a16="http://schemas.microsoft.com/office/drawing/2014/main" id="{00995F18-330D-4742-AD80-E856C91E09A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475931" y="4980245"/>
            <a:ext cx="593368" cy="192211"/>
          </a:xfrm>
          <a:prstGeom prst="rect">
            <a:avLst/>
          </a:prstGeom>
        </p:spPr>
      </p:pic>
      <p:pic>
        <p:nvPicPr>
          <p:cNvPr id="11" name="4 Nulstil">
            <a:extLst>
              <a:ext uri="{FF2B5EF4-FFF2-40B4-BE49-F238E27FC236}">
                <a16:creationId xmlns:a16="http://schemas.microsoft.com/office/drawing/2014/main" id="{2324BBF6-4E28-4408-B9EF-E9ED5897F24C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6981362" y="4554277"/>
            <a:ext cx="547241" cy="197798"/>
          </a:xfrm>
          <a:prstGeom prst="rect">
            <a:avLst/>
          </a:prstGeom>
        </p:spPr>
      </p:pic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194529" y="1416050"/>
            <a:ext cx="2786833" cy="40164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6981362" y="1440585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583" y="1416050"/>
            <a:ext cx="2566254" cy="44012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indtast evt. tekst i sidefod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</p:txBody>
      </p:sp>
      <p:pic>
        <p:nvPicPr>
          <p:cNvPr id="24" name="6 Beskær">
            <a:extLst>
              <a:ext uri="{FF2B5EF4-FFF2-40B4-BE49-F238E27FC236}">
                <a16:creationId xmlns:a16="http://schemas.microsoft.com/office/drawing/2014/main" id="{73BFC9C5-9F8B-479D-9F8C-258E445B7163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0896525" y="1595200"/>
            <a:ext cx="337400" cy="321707"/>
          </a:xfrm>
          <a:prstGeom prst="rect">
            <a:avLst/>
          </a:prstGeom>
        </p:spPr>
      </p:pic>
      <p:pic>
        <p:nvPicPr>
          <p:cNvPr id="25" name="7 Skalér billede">
            <a:extLst>
              <a:ext uri="{FF2B5EF4-FFF2-40B4-BE49-F238E27FC236}">
                <a16:creationId xmlns:a16="http://schemas.microsoft.com/office/drawing/2014/main" id="{BC0CFA26-138E-416A-95E9-B8BD373116B3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896525" y="2438289"/>
            <a:ext cx="359695" cy="335309"/>
          </a:xfrm>
          <a:prstGeom prst="rect">
            <a:avLst/>
          </a:prstGeom>
        </p:spPr>
      </p:pic>
      <p:sp>
        <p:nvSpPr>
          <p:cNvPr id="26" name="Fast overskrift">
            <a:extLst>
              <a:ext uri="{FF2B5EF4-FFF2-40B4-BE49-F238E27FC236}">
                <a16:creationId xmlns:a16="http://schemas.microsoft.com/office/drawing/2014/main" id="{70228264-0252-44FF-B3C8-4CBFA6043ED3}"/>
              </a:ext>
            </a:extLst>
          </p:cNvPr>
          <p:cNvSpPr txBox="1"/>
          <p:nvPr userDrawn="1"/>
        </p:nvSpPr>
        <p:spPr>
          <a:xfrm>
            <a:off x="285750" y="341583"/>
            <a:ext cx="10752137" cy="490933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>
              <a:lnSpc>
                <a:spcPct val="83000"/>
              </a:lnSpc>
            </a:pPr>
            <a:r>
              <a:rPr lang="da-DK" sz="3200" b="0" cap="none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</p:spTree>
    <p:extLst>
      <p:ext uri="{BB962C8B-B14F-4D97-AF65-F5344CB8AC3E}">
        <p14:creationId xmlns:p14="http://schemas.microsoft.com/office/powerpoint/2010/main" val="138005844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68027D26-F3F7-4988-855F-0F502F5993D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2" name="Date Placeholder 7">
            <a:extLst>
              <a:ext uri="{FF2B5EF4-FFF2-40B4-BE49-F238E27FC236}">
                <a16:creationId xmlns:a16="http://schemas.microsoft.com/office/drawing/2014/main" id="{6AF3DE80-6B65-463B-943D-1E72AAF4227C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08.09.2020</a:t>
            </a:fld>
            <a:endParaRPr lang="da-DK" dirty="0"/>
          </a:p>
        </p:txBody>
      </p:sp>
      <p:pic>
        <p:nvPicPr>
          <p:cNvPr id="1314880493" name="image" descr="{&quot;templafy&quot;:{&quot;id&quot;:&quot;7f8a7aba-894c-4e14-bd61-15305b2216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1043382362" name="image" descr="{&quot;templafy&quot;:{&quot;id&quot;:&quot;d15875c5-e779-40ec-afb2-909f8982611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3291C62D-3F94-43C6-8CAB-B792F769A1B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206396448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Gul m.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-1" y="0"/>
            <a:ext cx="7197749" cy="6210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BB9D4F55-78DF-4212-9619-8E68C5588F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97749" y="0"/>
            <a:ext cx="4994251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125CE80-2CC4-453F-9E5D-D1CF0859E3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58292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37581D82-3815-457C-92E8-06D7A637843E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08.09.2020</a:t>
            </a:fld>
            <a:endParaRPr lang="da-DK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25AC4AA6-D2C8-4A8C-8428-39A60869DFC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3525" y="3067050"/>
            <a:ext cx="58292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76947700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Hvid m.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-1" y="6210000"/>
            <a:ext cx="12192001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BB9D4F55-78DF-4212-9619-8E68C5588F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97749" y="0"/>
            <a:ext cx="4994251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16A0A48B-204D-46D9-AC98-0537003F65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58292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60941E6E-6BAC-4A15-B058-9CE7C058951E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08.09.2020</a:t>
            </a:fld>
            <a:endParaRPr lang="da-DK" dirty="0"/>
          </a:p>
        </p:txBody>
      </p:sp>
      <p:pic>
        <p:nvPicPr>
          <p:cNvPr id="1010732522" name="image" descr="{&quot;templafy&quot;:{&quot;id&quot;:&quot;f8ee9d32-135d-478f-85aa-881d8a161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1651801418" name="image" descr="{&quot;templafy&quot;:{&quot;id&quot;:&quot;82858860-4f0e-4ff9-a1be-10c3bcb19ad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B191E0C3-38FB-4A05-9222-21D4D9452AD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3525" y="3067050"/>
            <a:ext cx="5829298" cy="6480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425869469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Hvid m.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-1" y="6210000"/>
            <a:ext cx="12192001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BB9D4F55-78DF-4212-9619-8E68C5588F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7200" y="0"/>
            <a:ext cx="6094800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8F6B8A14-B94C-4D55-914C-31401F50AE1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81914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202F7DC4-E8A0-4835-8785-592C4B4C4ED1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08.09.2020</a:t>
            </a:fld>
            <a:endParaRPr lang="da-DK" dirty="0"/>
          </a:p>
        </p:txBody>
      </p:sp>
      <p:pic>
        <p:nvPicPr>
          <p:cNvPr id="1469626464" name="image" descr="{&quot;templafy&quot;:{&quot;id&quot;:&quot;769c5e2d-a347-404c-a321-e845b05793f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1779369733" name="image" descr="{&quot;templafy&quot;:{&quot;id&quot;:&quot;2a9cb8f4-33b4-4c3e-81a6-99b0674e0bb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782C070D-E54D-451D-AC67-7D5871CB71C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3525" y="3067050"/>
            <a:ext cx="5299075" cy="6480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4086914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8" name="Date Placeholder 7">
            <a:extLst>
              <a:ext uri="{FF2B5EF4-FFF2-40B4-BE49-F238E27FC236}">
                <a16:creationId xmlns:a16="http://schemas.microsoft.com/office/drawing/2014/main" id="{565F3085-71F3-4B75-8FE8-1A523EC793A9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3797116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08.09.2020</a:t>
            </a:fld>
            <a:endParaRPr lang="da-DK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C98C3779-B922-43C9-BAC8-A296D850FE80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1966913"/>
          </a:xfrm>
        </p:spPr>
        <p:txBody>
          <a:bodyPr anchor="t"/>
          <a:lstStyle>
            <a:lvl1pPr algn="l">
              <a:defRPr sz="5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484244793" name="image" descr="{&quot;templafy&quot;:{&quot;id&quot;:&quot;61505b59-06e2-4f61-abe2-3a5f25b4f4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299820149" name="image" descr="{&quot;templafy&quot;:{&quot;id&quot;:&quot;6df291f5-2296-442a-b481-5e8a8ef50ff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6E982690-DA76-48A9-A83F-C7E000823C2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7622053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Gu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210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7C5EC0EC-D4A2-4423-B8B5-1B952DD89C25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3797116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08.09.2020</a:t>
            </a:fld>
            <a:endParaRPr lang="da-DK" dirty="0"/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25D3F337-32ED-4DDF-B913-8F63A712BD7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1966913"/>
          </a:xfrm>
        </p:spPr>
        <p:txBody>
          <a:bodyPr anchor="t"/>
          <a:lstStyle>
            <a:lvl1pPr algn="l">
              <a:defRPr sz="5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FCB6DB25-D463-42D6-8A4D-7C69279657A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154943364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S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210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2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394D93EB-3F52-436F-905E-95EFD60EE8AC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3797116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2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08.09.2020</a:t>
            </a:fld>
            <a:endParaRPr lang="da-DK" dirty="0"/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3D81B418-FF97-4B37-87DF-5E58B949076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1966913"/>
          </a:xfrm>
        </p:spPr>
        <p:txBody>
          <a:bodyPr anchor="t"/>
          <a:lstStyle>
            <a:lvl1pPr algn="l">
              <a:defRPr sz="5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4C74F0A0-3F56-4720-B25D-E0AFED7B7FF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>
                <a:solidFill>
                  <a:schemeClr val="accent1"/>
                </a:solidFill>
              </a:defRPr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33253904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BA499C47-91C5-429D-94BE-0B7C66BCED70}"/>
              </a:ext>
            </a:extLst>
          </p:cNvPr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noProof="0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8989AB3D-58F3-4ABA-A926-43393A00F0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08.09.2020</a:t>
            </a:fld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1F277CF-B83C-45A4-B764-7F715288A9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585847848" name="image" descr="{&quot;templafy&quot;:{&quot;id&quot;:&quot;43e22cd8-d5c4-49ed-b84b-77de6830f93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4529330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2.emf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8000" y="587675"/>
            <a:ext cx="11611900" cy="8266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8000" y="1961999"/>
            <a:ext cx="11612364" cy="367487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649075" y="6419522"/>
            <a:ext cx="245270" cy="18027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400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6A7B15E4-8FF3-49BC-992D-C353F6D1824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A9922AB5-BE87-4C18-AC0C-7680F362E3E2}" type="datetime3">
              <a:rPr lang="da-DK" smtClean="0"/>
              <a:t>08.09.2020</a:t>
            </a:fld>
            <a:endParaRPr lang="da-DK" dirty="0"/>
          </a:p>
        </p:txBody>
      </p:sp>
      <p:pic>
        <p:nvPicPr>
          <p:cNvPr id="711314596" name="image" descr="{&quot;templafy&quot;:{&quot;id&quot;:&quot;50b385d1-44c5-4066-8ba1-5c6e6e2a158b&quot;}}"/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451857270" name="image" descr="{&quot;templafy&quot;:{&quot;id&quot;:&quot;3b2d320a-e80a-4332-9638-b9730d9035a0&quot;}}"/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2" r:id="rId1"/>
    <p:sldLayoutId id="2147483728" r:id="rId2"/>
    <p:sldLayoutId id="2147483729" r:id="rId3"/>
    <p:sldLayoutId id="2147483730" r:id="rId4"/>
    <p:sldLayoutId id="2147483731" r:id="rId5"/>
    <p:sldLayoutId id="2147483732" r:id="rId6"/>
    <p:sldLayoutId id="2147483733" r:id="rId7"/>
    <p:sldLayoutId id="2147483734" r:id="rId8"/>
    <p:sldLayoutId id="2147483721" r:id="rId9"/>
    <p:sldLayoutId id="2147483652" r:id="rId10"/>
    <p:sldLayoutId id="2147483735" r:id="rId11"/>
    <p:sldLayoutId id="2147483654" r:id="rId12"/>
    <p:sldLayoutId id="2147483655" r:id="rId13"/>
    <p:sldLayoutId id="2147483727" r:id="rId14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6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+mj-lt"/>
        <a:buAutoNum type="alphaLcPeriod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180" userDrawn="1">
          <p15:clr>
            <a:srgbClr val="F26B43"/>
          </p15:clr>
        </p15:guide>
        <p15:guide id="3" orient="horz" pos="368" userDrawn="1">
          <p15:clr>
            <a:srgbClr val="F26B43"/>
          </p15:clr>
        </p15:guide>
        <p15:guide id="4" pos="7496" userDrawn="1">
          <p15:clr>
            <a:srgbClr val="F26B43"/>
          </p15:clr>
        </p15:guide>
        <p15:guide id="5" orient="horz" pos="3974" userDrawn="1">
          <p15:clr>
            <a:srgbClr val="F26B43"/>
          </p15:clr>
        </p15:guide>
        <p15:guide id="6" orient="horz" pos="892" userDrawn="1">
          <p15:clr>
            <a:srgbClr val="F26B43"/>
          </p15:clr>
        </p15:guide>
        <p15:guide id="7" orient="horz" pos="1235" userDrawn="1">
          <p15:clr>
            <a:srgbClr val="F26B43"/>
          </p15:clr>
        </p15:guide>
        <p15:guide id="8" orient="horz" pos="355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E94A1AB8-800B-41D6-B531-8AE2611BE6B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Test-Driven Development</a:t>
            </a:r>
            <a:br>
              <a:rPr lang="da-DK" dirty="0"/>
            </a:br>
            <a:r>
              <a:rPr lang="en-US" sz="40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a.k.a. Test-First Programming</a:t>
            </a:r>
            <a:endParaRPr lang="da-DK" sz="40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B33ED8-1B47-4327-8F05-73E798EC0CD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 dirty="0"/>
              <a:t>.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EA4C535-EC1E-4F9C-B11D-8F58AA1F943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a-DK" dirty="0"/>
              <a:t>Systemudvikling, 1. semeste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987400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est-Driven Developmen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288000" y="1961999"/>
            <a:ext cx="5934670" cy="3674871"/>
          </a:xfrm>
        </p:spPr>
        <p:txBody>
          <a:bodyPr/>
          <a:lstStyle/>
          <a:p>
            <a:r>
              <a:rPr lang="da-DK" sz="2400" dirty="0"/>
              <a:t>Agil praksis fra Extreme Programming</a:t>
            </a:r>
          </a:p>
          <a:p>
            <a:r>
              <a:rPr lang="da-DK" sz="2400" dirty="0"/>
              <a:t>Øger </a:t>
            </a:r>
            <a:r>
              <a:rPr lang="da-DK" sz="2400" dirty="0" err="1"/>
              <a:t>testbarheden</a:t>
            </a:r>
            <a:r>
              <a:rPr lang="da-DK" sz="2400" dirty="0"/>
              <a:t> af kildekoden</a:t>
            </a:r>
          </a:p>
          <a:p>
            <a:r>
              <a:rPr lang="da-DK" sz="2400" dirty="0"/>
              <a:t>Fastholder fokus</a:t>
            </a:r>
          </a:p>
          <a:p>
            <a:pPr lvl="1"/>
            <a:r>
              <a:rPr lang="da-DK" sz="2400" dirty="0"/>
              <a:t>Begrænser feature/</a:t>
            </a:r>
            <a:r>
              <a:rPr lang="da-DK" sz="2400" dirty="0" err="1"/>
              <a:t>scope</a:t>
            </a:r>
            <a:r>
              <a:rPr lang="da-DK" sz="2400" dirty="0"/>
              <a:t> </a:t>
            </a:r>
            <a:r>
              <a:rPr lang="da-DK" sz="2400" dirty="0" err="1"/>
              <a:t>creep</a:t>
            </a:r>
            <a:endParaRPr lang="da-DK" sz="2400" dirty="0"/>
          </a:p>
          <a:p>
            <a:r>
              <a:rPr lang="da-DK" sz="2400" dirty="0"/>
              <a:t>Øger tilliden til </a:t>
            </a:r>
            <a:r>
              <a:rPr lang="da-DK" sz="2400" dirty="0" err="1"/>
              <a:t>implementation</a:t>
            </a:r>
            <a:endParaRPr lang="da-DK" sz="2400" dirty="0"/>
          </a:p>
          <a:p>
            <a:pPr lvl="1"/>
            <a:r>
              <a:rPr lang="da-DK" sz="2400" dirty="0"/>
              <a:t>Begrænser frygt </a:t>
            </a:r>
            <a:r>
              <a:rPr lang="da-DK" sz="2400" dirty="0" err="1"/>
              <a:t>ifm</a:t>
            </a:r>
            <a:r>
              <a:rPr lang="da-DK" sz="2400" dirty="0"/>
              <a:t>. </a:t>
            </a:r>
            <a:r>
              <a:rPr lang="da-DK" sz="2400" dirty="0" err="1"/>
              <a:t>refaktorisering</a:t>
            </a:r>
            <a:endParaRPr lang="da-DK" sz="2400" dirty="0"/>
          </a:p>
        </p:txBody>
      </p:sp>
      <p:pic>
        <p:nvPicPr>
          <p:cNvPr id="5122" name="Picture 2" descr="https://miro.medium.com/max/1033/1*RieLfIqg9CGCVmENxDuByA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08943" y="1706193"/>
            <a:ext cx="5190957" cy="50904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60473626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DD </a:t>
            </a:r>
            <a:r>
              <a:rPr lang="da-DK" dirty="0" err="1"/>
              <a:t>workflow</a:t>
            </a:r>
            <a:endParaRPr lang="da-DK" dirty="0"/>
          </a:p>
        </p:txBody>
      </p:sp>
      <p:pic>
        <p:nvPicPr>
          <p:cNvPr id="6" name="Billed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7491" y="1205259"/>
            <a:ext cx="8730722" cy="4935361"/>
          </a:xfrm>
          <a:prstGeom prst="rect">
            <a:avLst/>
          </a:prstGeom>
        </p:spPr>
      </p:pic>
      <p:sp>
        <p:nvSpPr>
          <p:cNvPr id="7" name="Tekstfelt 6"/>
          <p:cNvSpPr txBox="1"/>
          <p:nvPr/>
        </p:nvSpPr>
        <p:spPr>
          <a:xfrm>
            <a:off x="8682566" y="5665466"/>
            <a:ext cx="3217334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da-DK" sz="1400" i="1" dirty="0">
                <a:solidFill>
                  <a:schemeClr val="tx2">
                    <a:lumMod val="75000"/>
                  </a:schemeClr>
                </a:solidFill>
              </a:rPr>
              <a:t>Aktivitetsdiagrammer </a:t>
            </a:r>
            <a:br>
              <a:rPr lang="da-DK" sz="1400" i="1" dirty="0">
                <a:solidFill>
                  <a:schemeClr val="tx2">
                    <a:lumMod val="75000"/>
                  </a:schemeClr>
                </a:solidFill>
              </a:rPr>
            </a:br>
            <a:r>
              <a:rPr lang="da-DK" sz="1400" i="1" dirty="0">
                <a:solidFill>
                  <a:schemeClr val="tx2">
                    <a:lumMod val="75000"/>
                  </a:schemeClr>
                </a:solidFill>
              </a:rPr>
              <a:t>er beskrevet i kap. 28 i [</a:t>
            </a:r>
            <a:r>
              <a:rPr lang="da-DK" sz="1400" i="1" dirty="0" err="1">
                <a:solidFill>
                  <a:schemeClr val="tx2">
                    <a:lumMod val="75000"/>
                  </a:schemeClr>
                </a:solidFill>
              </a:rPr>
              <a:t>Larman</a:t>
            </a:r>
            <a:r>
              <a:rPr lang="da-DK" sz="1400" i="1" dirty="0">
                <a:solidFill>
                  <a:schemeClr val="tx2">
                    <a:lumMod val="75000"/>
                  </a:schemeClr>
                </a:solidFill>
              </a:rPr>
              <a:t> 2004]</a:t>
            </a:r>
          </a:p>
        </p:txBody>
      </p:sp>
    </p:spTree>
    <p:extLst>
      <p:ext uri="{BB962C8B-B14F-4D97-AF65-F5344CB8AC3E}">
        <p14:creationId xmlns:p14="http://schemas.microsoft.com/office/powerpoint/2010/main" val="35907663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Green/Red Bar-mønstre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/>
              <a:t>Teknikker der bidrager til progression </a:t>
            </a:r>
            <a:br>
              <a:rPr lang="da-DK" sz="2400" dirty="0"/>
            </a:br>
            <a:r>
              <a:rPr lang="da-DK" sz="2400" dirty="0"/>
              <a:t>i givne situationer</a:t>
            </a:r>
          </a:p>
          <a:p>
            <a:pPr lvl="1"/>
            <a:r>
              <a:rPr lang="da-DK" sz="2400" dirty="0"/>
              <a:t>Green Bar-mønstre </a:t>
            </a:r>
            <a:br>
              <a:rPr lang="da-DK" sz="2400" dirty="0"/>
            </a:br>
            <a:r>
              <a:rPr lang="da-DK" sz="2400" dirty="0"/>
              <a:t>anvendes når testsuiten fejler</a:t>
            </a:r>
          </a:p>
          <a:p>
            <a:pPr lvl="1"/>
            <a:r>
              <a:rPr lang="da-DK" sz="2400" dirty="0"/>
              <a:t>Red Bar-mønstre </a:t>
            </a:r>
            <a:br>
              <a:rPr lang="da-DK" sz="2400" dirty="0"/>
            </a:br>
            <a:r>
              <a:rPr lang="da-DK" sz="2400" dirty="0"/>
              <a:t>anvendes når testsuiten kører</a:t>
            </a:r>
          </a:p>
        </p:txBody>
      </p:sp>
      <p:pic>
        <p:nvPicPr>
          <p:cNvPr id="6146" name="Picture 2" descr="https://cdn.imgbin.com/20/20/0/imgbin-red-and-green-arrows-ppt-material-recovery-cycle-perspective-87RzPbHZyfuM4JsTUwynUe0vK.jpg"/>
          <p:cNvPicPr>
            <a:picLocks noChangeAspect="1" noChangeArrowheads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2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63097" y="950717"/>
            <a:ext cx="5050972" cy="50198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03444102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Fake</a:t>
            </a:r>
            <a:r>
              <a:rPr lang="da-DK" dirty="0"/>
              <a:t> It (‘Til </a:t>
            </a:r>
            <a:r>
              <a:rPr lang="da-DK" dirty="0" err="1"/>
              <a:t>You</a:t>
            </a:r>
            <a:r>
              <a:rPr lang="da-DK" dirty="0"/>
              <a:t> Make It)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/>
              <a:t>Green Bar-mønster</a:t>
            </a:r>
          </a:p>
          <a:p>
            <a:r>
              <a:rPr lang="da-DK" sz="2400" dirty="0"/>
              <a:t>Implementer den simplest mulige løsning </a:t>
            </a:r>
            <a:br>
              <a:rPr lang="da-DK" sz="2400" dirty="0"/>
            </a:br>
            <a:r>
              <a:rPr lang="da-DK" sz="2400" dirty="0"/>
              <a:t>der opfylder en given testcase, fx</a:t>
            </a:r>
          </a:p>
          <a:p>
            <a:pPr lvl="1"/>
            <a:r>
              <a:rPr lang="da-DK" sz="2400" dirty="0"/>
              <a:t>Returner en konstant </a:t>
            </a:r>
            <a:br>
              <a:rPr lang="da-DK" sz="2400" dirty="0"/>
            </a:br>
            <a:r>
              <a:rPr lang="da-DK" sz="2400" dirty="0"/>
              <a:t>i stedet for at implementere en beregning</a:t>
            </a:r>
          </a:p>
          <a:p>
            <a:pPr lvl="1"/>
            <a:r>
              <a:rPr lang="da-DK" sz="2400" dirty="0"/>
              <a:t>Returner </a:t>
            </a:r>
            <a:r>
              <a:rPr lang="da-DK" sz="2400" dirty="0" err="1"/>
              <a:t>null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/>
              <a:t>hvis objektet ikke har betydning for testcasen</a:t>
            </a:r>
          </a:p>
          <a:p>
            <a:r>
              <a:rPr lang="da-DK" sz="2400" dirty="0"/>
              <a:t>Tilføj en testcase til testlisten </a:t>
            </a:r>
            <a:br>
              <a:rPr lang="da-DK" sz="2400" dirty="0"/>
            </a:br>
            <a:r>
              <a:rPr lang="da-DK" sz="2400" dirty="0"/>
              <a:t>som påviser anvendelsen af </a:t>
            </a:r>
            <a:r>
              <a:rPr lang="da-DK" sz="2400" dirty="0" err="1"/>
              <a:t>Fake</a:t>
            </a:r>
            <a:r>
              <a:rPr lang="da-DK" sz="2400" dirty="0"/>
              <a:t> It</a:t>
            </a:r>
          </a:p>
        </p:txBody>
      </p:sp>
      <p:pic>
        <p:nvPicPr>
          <p:cNvPr id="3074" name="Picture 2" descr="https://ih1.redbubble.net/image.393997894.3451/ap,550x550,16x12,1,transparent,t.u5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87605" y="2347356"/>
            <a:ext cx="4812295" cy="362017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368863226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Fake</a:t>
            </a:r>
            <a:r>
              <a:rPr lang="da-DK" dirty="0"/>
              <a:t> It (‘Til </a:t>
            </a:r>
            <a:r>
              <a:rPr lang="da-DK" dirty="0" err="1"/>
              <a:t>You</a:t>
            </a:r>
            <a:r>
              <a:rPr lang="da-DK" dirty="0"/>
              <a:t> Make It)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/>
              <a:t>Væsentlige fordele:</a:t>
            </a:r>
          </a:p>
          <a:p>
            <a:pPr lvl="1"/>
            <a:r>
              <a:rPr lang="da-DK" sz="2400" dirty="0"/>
              <a:t>Fastholder fokus på ”at komme i mål”</a:t>
            </a:r>
          </a:p>
          <a:p>
            <a:pPr lvl="2"/>
            <a:r>
              <a:rPr lang="da-DK" sz="2000" dirty="0"/>
              <a:t>Meget hurtig at anvende</a:t>
            </a:r>
          </a:p>
          <a:p>
            <a:pPr lvl="1"/>
            <a:r>
              <a:rPr lang="da-DK" sz="2400" dirty="0"/>
              <a:t>Nedbryder komplekse opgaver</a:t>
            </a:r>
          </a:p>
          <a:p>
            <a:pPr lvl="2"/>
            <a:r>
              <a:rPr lang="da-DK" sz="2000" dirty="0"/>
              <a:t>Hver enkelt anvendelse </a:t>
            </a:r>
            <a:br>
              <a:rPr lang="da-DK" sz="2000" dirty="0"/>
            </a:br>
            <a:r>
              <a:rPr lang="da-DK" sz="2000" dirty="0"/>
              <a:t>resulterer i en ekstra testcase</a:t>
            </a:r>
          </a:p>
          <a:p>
            <a:r>
              <a:rPr lang="da-DK" sz="2400" dirty="0"/>
              <a:t>Undgå misbrug</a:t>
            </a:r>
          </a:p>
          <a:p>
            <a:pPr lvl="1"/>
            <a:r>
              <a:rPr lang="da-DK" sz="2400" dirty="0"/>
              <a:t>Brug </a:t>
            </a:r>
            <a:r>
              <a:rPr lang="da-DK" sz="2400" dirty="0" err="1"/>
              <a:t>Fake</a:t>
            </a:r>
            <a:r>
              <a:rPr lang="da-DK" sz="2400" dirty="0"/>
              <a:t> It til at holde </a:t>
            </a:r>
            <a:br>
              <a:rPr lang="da-DK" sz="2400" dirty="0"/>
            </a:br>
            <a:r>
              <a:rPr lang="da-DK" sz="2400" dirty="0"/>
              <a:t>fokus på at komme videre</a:t>
            </a:r>
          </a:p>
        </p:txBody>
      </p:sp>
      <p:pic>
        <p:nvPicPr>
          <p:cNvPr id="4098" name="Picture 2" descr="https://buildingstrongerpartners.files.wordpress.com/2010/10/task-breakdown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79015" y="1757548"/>
            <a:ext cx="1935379" cy="223922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0" name="Picture 4" descr="https://www.drjimtaylor.com/4.0/wp-content/uploads/2015/05/Finish-line.jpg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302469" y="2905495"/>
            <a:ext cx="2249953" cy="1556968"/>
          </a:xfrm>
          <a:prstGeom prst="rect">
            <a:avLst/>
          </a:prstGeom>
          <a:noFill/>
          <a:ln w="1905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4" descr="https://www.drjimtaylor.com/4.0/wp-content/uploads/2015/05/Finish-line.jpg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746106" y="3494678"/>
            <a:ext cx="2249953" cy="1556968"/>
          </a:xfrm>
          <a:prstGeom prst="rect">
            <a:avLst/>
          </a:prstGeom>
          <a:noFill/>
          <a:ln w="1905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4" descr="https://www.drjimtaylor.com/4.0/wp-content/uploads/2015/05/Finish-line.jpg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89743" y="4083860"/>
            <a:ext cx="2249953" cy="1556968"/>
          </a:xfrm>
          <a:prstGeom prst="rect">
            <a:avLst/>
          </a:prstGeom>
          <a:noFill/>
          <a:ln w="1905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94643336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riangulation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288000" y="1961999"/>
            <a:ext cx="6053423" cy="3674871"/>
          </a:xfrm>
        </p:spPr>
        <p:txBody>
          <a:bodyPr/>
          <a:lstStyle/>
          <a:p>
            <a:r>
              <a:rPr lang="da-DK" sz="2400" dirty="0"/>
              <a:t>Green Bar-mønster</a:t>
            </a:r>
          </a:p>
          <a:p>
            <a:r>
              <a:rPr lang="da-DK" sz="2400" dirty="0"/>
              <a:t>Abstraktion (fx en algoritme) opbygges </a:t>
            </a:r>
            <a:br>
              <a:rPr lang="da-DK" sz="2400" dirty="0"/>
            </a:br>
            <a:r>
              <a:rPr lang="da-DK" sz="2400" dirty="0"/>
              <a:t>vha. adskillige datapunkter (testcases)</a:t>
            </a:r>
          </a:p>
          <a:p>
            <a:r>
              <a:rPr lang="da-DK" sz="2400" dirty="0"/>
              <a:t>Sikrer at </a:t>
            </a:r>
            <a:r>
              <a:rPr lang="da-DK" sz="2400" dirty="0" err="1"/>
              <a:t>Fake</a:t>
            </a:r>
            <a:r>
              <a:rPr lang="da-DK" sz="2400" dirty="0"/>
              <a:t> It ikke giver problemer</a:t>
            </a:r>
          </a:p>
          <a:p>
            <a:r>
              <a:rPr lang="da-DK" sz="2400" dirty="0"/>
              <a:t>Skiftevis brug af </a:t>
            </a:r>
            <a:r>
              <a:rPr lang="da-DK" sz="2400" dirty="0" err="1"/>
              <a:t>Fake</a:t>
            </a:r>
            <a:r>
              <a:rPr lang="da-DK" sz="2400" dirty="0"/>
              <a:t> It og Triangulation </a:t>
            </a:r>
            <a:br>
              <a:rPr lang="da-DK" sz="2400" dirty="0"/>
            </a:br>
            <a:r>
              <a:rPr lang="da-DK" sz="2400" dirty="0"/>
              <a:t>kan bidrage til gradvis konstruktion </a:t>
            </a:r>
            <a:br>
              <a:rPr lang="da-DK" sz="2400" dirty="0"/>
            </a:br>
            <a:r>
              <a:rPr lang="da-DK" sz="2400" dirty="0"/>
              <a:t>af komplekse algoritmer</a:t>
            </a:r>
          </a:p>
        </p:txBody>
      </p:sp>
      <p:pic>
        <p:nvPicPr>
          <p:cNvPr id="2050" name="Picture 2" descr="https://www.sightsize.com/wp-content/uploads/2016/12/triangulation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6200000">
            <a:off x="6957964" y="2102894"/>
            <a:ext cx="4507469" cy="28667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9691406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ne Step Test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288000" y="1961999"/>
            <a:ext cx="6623439" cy="3674871"/>
          </a:xfrm>
        </p:spPr>
        <p:txBody>
          <a:bodyPr/>
          <a:lstStyle/>
          <a:p>
            <a:r>
              <a:rPr lang="da-DK" sz="2400" dirty="0"/>
              <a:t>Red Bar-mønster</a:t>
            </a:r>
          </a:p>
          <a:p>
            <a:r>
              <a:rPr lang="da-DK" sz="2400" dirty="0"/>
              <a:t>Implementer den testcase </a:t>
            </a:r>
            <a:br>
              <a:rPr lang="da-DK" sz="2400" dirty="0"/>
            </a:br>
            <a:r>
              <a:rPr lang="da-DK" sz="2400" dirty="0"/>
              <a:t>som du føler er lettest at få til at fungere</a:t>
            </a:r>
          </a:p>
          <a:p>
            <a:pPr lvl="1"/>
            <a:r>
              <a:rPr lang="da-DK" sz="2400" dirty="0"/>
              <a:t>Implementering af test og kode </a:t>
            </a:r>
            <a:br>
              <a:rPr lang="da-DK" sz="2400" dirty="0"/>
            </a:br>
            <a:r>
              <a:rPr lang="da-DK" sz="2400" dirty="0"/>
              <a:t>må højest tage et overskueligt antal minutter</a:t>
            </a:r>
          </a:p>
          <a:p>
            <a:pPr lvl="2"/>
            <a:r>
              <a:rPr lang="da-DK" sz="2000" dirty="0"/>
              <a:t>Husk at </a:t>
            </a:r>
            <a:r>
              <a:rPr lang="da-DK" sz="2000" dirty="0" err="1"/>
              <a:t>Fake</a:t>
            </a:r>
            <a:r>
              <a:rPr lang="da-DK" sz="2000" dirty="0"/>
              <a:t> It kan bidrage her!</a:t>
            </a:r>
          </a:p>
        </p:txBody>
      </p:sp>
      <p:pic>
        <p:nvPicPr>
          <p:cNvPr id="1026" name="Picture 2" descr="https://cdn.pixabay.com/photo/2014/02/05/18/12/stopwatch-259303_960_720.jp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18316" y="2652417"/>
            <a:ext cx="4881583" cy="3264559"/>
          </a:xfrm>
          <a:prstGeom prst="rect">
            <a:avLst/>
          </a:prstGeom>
          <a:noFill/>
          <a:ln w="1905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836814326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Zealand.potx" id="{1EBD9D8F-51EC-41A2-9B3C-16CD61C27282}" vid="{F306AF44-9223-4065-9897-6981FF7FCC8F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31562458204404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50b385d1-44c5-4066-8ba1-5c6e6e2a158b","elementConfiguration":{"binding":"UserProfile.LogoInsertion.LogoName","inheritDimensions":"inheritNone","height":"{{UserProfile.LogoInsertion.PpLogoHeight}}","disableUpdates":false,"type":"image"}},{"type":"shape","id":"3b2d320a-e80a-4332-9638-b9730d9035a0","elementConfiguration":{"binding":"UserProfile.LogoInsertion.Tagline_{{DocumentLanguage}}","inheritDimensions":"inheritNone","height":"{{UserProfile.LogoInsertion.PpTaglineHeight}}","disableUpdates":false,"type":"image"}},{"type":"shape","id":"7f8a7aba-894c-4e14-bd61-15305b22169c","elementConfiguration":{"binding":"UserProfile.LogoInsertion.LogoName","inheritDimensions":"inheritNone","height":"{{UserProfile.LogoInsertion.PpLogoHeight}}","disableUpdates":false,"type":"image"}},{"type":"shape","id":"d15875c5-e779-40ec-afb2-909f89826113","elementConfiguration":{"binding":"UserProfile.LogoInsertion.Tagline_{{DocumentLanguage}}","inheritDimensions":"inheritNone","height":"{{UserProfile.LogoInsertion.PpTaglineHeight}}","disableUpdates":false,"type":"image"}},{"type":"shape","id":"61505b59-06e2-4f61-abe2-3a5f25b4f47b","elementConfiguration":{"binding":"UserProfile.LogoInsertion.LogoName","inheritDimensions":"inheritNone","height":"{{UserProfile.LogoInsertion.PpLogoHeight}}","disableUpdates":false,"type":"image"}},{"type":"shape","id":"6df291f5-2296-442a-b481-5e8a8ef50ff0","elementConfiguration":{"binding":"UserProfile.LogoInsertion.Tagline_{{DocumentLanguage}}","inheritDimensions":"inheritNone","height":"{{UserProfile.LogoInsertion.PpTaglineHeight}}","disableUpdates":false,"type":"image"}},{"type":"shape","id":"06a06f0c-b7b1-4a23-a67e-127490b177e8","elementConfiguration":{"binding":"UserProfile.LogoInsertion.LogoName","inheritDimensions":"inheritNone","height":"{{UserProfile.LogoInsertion.PpLogoHeight}}","disableUpdates":false,"type":"image"}},{"type":"shape","id":"769c5e2d-a347-404c-a321-e845b05793f6","elementConfiguration":{"binding":"UserProfile.LogoInsertion.LogoName","inheritDimensions":"inheritNone","height":"{{UserProfile.LogoInsertion.PpLogoHeight}}","disableUpdates":false,"type":"image"}},{"type":"shape","id":"2a9cb8f4-33b4-4c3e-81a6-99b0674e0bbd","elementConfiguration":{"binding":"UserProfile.LogoInsertion.Tagline_{{DocumentLanguage}}","inheritDimensions":"inheritNone","height":"{{UserProfile.LogoInsertion.PpTaglineHeight}}","disableUpdates":false,"type":"image"}},{"type":"shape","id":"ad5426bc-8525-41b8-bfb4-655d032ed902","elementConfiguration":{"binding":"UserProfile.LogoInsertion.LogoName","inheritDimensions":"inheritNone","height":"{{UserProfile.LogoInsertion.PpLogoHeight}}","disableUpdates":false,"type":"image"}},{"type":"shape","id":"f8ee9d32-135d-478f-85aa-881d8a161c8d","elementConfiguration":{"binding":"UserProfile.LogoInsertion.LogoName","inheritDimensions":"inheritNone","height":"{{UserProfile.LogoInsertion.PpLogoHeight}}","disableUpdates":false,"type":"image"}},{"type":"shape","id":"82858860-4f0e-4ff9-a1be-10c3bcb19add","elementConfiguration":{"binding":"UserProfile.LogoInsertion.Tagline_{{DocumentLanguage}}","inheritDimensions":"inheritNone","height":"{{UserProfile.LogoInsertion.PpTaglineHeight}}","disableUpdates":false,"type":"image"}},{"type":"shape","id":"43e22cd8-d5c4-49ed-b84b-77de6830f932","elementConfiguration":{"binding":"UserProfile.LogoInsertion.LogoName","inheritDimensions":"inheritNone","height":"{{UserProfile.LogoInsertion.PpLogoHeight}}","disableUpdates":false,"type":"image"}}],"transformationConfigurations":[],"templateName":"Zealand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831562458041946","enableDocumentContentUpdater":true,"version":"1.2"}]]></TemplafySlideTemplateConfiguration>
</file>

<file path=customXml/item6.xml><?xml version="1.0" encoding="utf-8"?>
<TemplafySlideTemplateConfiguration><![CDATA[{"elementsMetadata":[],"documentContentValidatorConfiguration":{"enableDocumentContentValidator":false,"documentContentValidatorVersion":0},"slideId":"636831562457260691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5B9159E1-6152-48AA-B285-7C741BBFBD99}">
  <ds:schemaRefs/>
</ds:datastoreItem>
</file>

<file path=customXml/itemProps2.xml><?xml version="1.0" encoding="utf-8"?>
<ds:datastoreItem xmlns:ds="http://schemas.openxmlformats.org/officeDocument/2006/customXml" ds:itemID="{EA953B15-40EC-4002-97E6-7AB35AACF25D}">
  <ds:schemaRefs/>
</ds:datastoreItem>
</file>

<file path=customXml/itemProps3.xml><?xml version="1.0" encoding="utf-8"?>
<ds:datastoreItem xmlns:ds="http://schemas.openxmlformats.org/officeDocument/2006/customXml" ds:itemID="{ED29C588-5F38-4EC0-9F5C-9C2879B9564A}">
  <ds:schemaRefs/>
</ds:datastoreItem>
</file>

<file path=customXml/itemProps4.xml><?xml version="1.0" encoding="utf-8"?>
<ds:datastoreItem xmlns:ds="http://schemas.openxmlformats.org/officeDocument/2006/customXml" ds:itemID="{15C9247C-FDBD-48BE-8DAC-8A2E652212C0}">
  <ds:schemaRefs/>
</ds:datastoreItem>
</file>

<file path=customXml/itemProps5.xml><?xml version="1.0" encoding="utf-8"?>
<ds:datastoreItem xmlns:ds="http://schemas.openxmlformats.org/officeDocument/2006/customXml" ds:itemID="{5B4ABD57-B559-4026-AAAF-E3062CEAD74F}">
  <ds:schemaRefs/>
</ds:datastoreItem>
</file>

<file path=customXml/itemProps6.xml><?xml version="1.0" encoding="utf-8"?>
<ds:datastoreItem xmlns:ds="http://schemas.openxmlformats.org/officeDocument/2006/customXml" ds:itemID="{A42E3C4F-C14E-4384-8FA2-B132D831292C}">
  <ds:schemaRefs/>
</ds:datastoreItem>
</file>

<file path=customXml/itemProps7.xml><?xml version="1.0" encoding="utf-8"?>
<ds:datastoreItem xmlns:ds="http://schemas.openxmlformats.org/officeDocument/2006/customXml" ds:itemID="{FFBCC4CA-840A-488D-96DC-6873ECFF7D59}">
  <ds:schemaRefs/>
</ds:datastoreItem>
</file>

<file path=customXml/itemProps8.xml><?xml version="1.0" encoding="utf-8"?>
<ds:datastoreItem xmlns:ds="http://schemas.openxmlformats.org/officeDocument/2006/customXml" ds:itemID="{C6E3399A-2BB6-4211-979B-CE4D450B76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Ogrammør - Put the PRO in programmer!</Template>
  <TotalTime>0</TotalTime>
  <Words>274</Words>
  <Application>Microsoft Office PowerPoint</Application>
  <PresentationFormat>Widescreen</PresentationFormat>
  <Paragraphs>40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0" baseType="lpstr">
      <vt:lpstr>Arial</vt:lpstr>
      <vt:lpstr>Blank</vt:lpstr>
      <vt:lpstr>Test-Driven Development a.k.a. Test-First Programming</vt:lpstr>
      <vt:lpstr>Test-Driven Development</vt:lpstr>
      <vt:lpstr>TDD workflow</vt:lpstr>
      <vt:lpstr>Green/Red Bar-mønstre</vt:lpstr>
      <vt:lpstr>Fake It (‘Til You Make It)</vt:lpstr>
      <vt:lpstr>Fake It (‘Til You Make It)</vt:lpstr>
      <vt:lpstr>Triangulation</vt:lpstr>
      <vt:lpstr>One Step Test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9-10T04:34:17Z</dcterms:created>
  <dcterms:modified xsi:type="dcterms:W3CDTF">2020-09-08T13:00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827918144084939</vt:lpwstr>
  </property>
  <property fmtid="{D5CDD505-2E9C-101B-9397-08002B2CF9AE}" pid="5" name="TemplafyUserProfileId">
    <vt:lpwstr>636845299883000048</vt:lpwstr>
  </property>
  <property fmtid="{D5CDD505-2E9C-101B-9397-08002B2CF9AE}" pid="6" name="TemplafyLanguageCode">
    <vt:lpwstr>da-DK</vt:lpwstr>
  </property>
</Properties>
</file>